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8" d="100"/>
          <a:sy n="108" d="100"/>
        </p:scale>
        <p:origin x="73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krimpenerwaar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schermopname, Lettertype, logo&#10;&#10;Automatisch gegenereerde beschrijving">
            <a:extLst>
              <a:ext uri="{FF2B5EF4-FFF2-40B4-BE49-F238E27FC236}">
                <a16:creationId xmlns:a16="http://schemas.microsoft.com/office/drawing/2014/main" id="{8F624B88-B76F-8B7E-6C8D-452E050D512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5250" y="4719145"/>
            <a:ext cx="3009807" cy="195637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schermopname, Lettertype, logo&#10;&#10;Automatisch gegenereerde beschrijving">
            <a:extLst>
              <a:ext uri="{FF2B5EF4-FFF2-40B4-BE49-F238E27FC236}">
                <a16:creationId xmlns:a16="http://schemas.microsoft.com/office/drawing/2014/main" id="{15566889-B424-6F7A-C2A4-3EB4973D760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0828" y="4473358"/>
            <a:ext cx="1415752" cy="92023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5</cp:revision>
  <dcterms:created xsi:type="dcterms:W3CDTF">2019-07-30T10:24:44Z</dcterms:created>
  <dcterms:modified xsi:type="dcterms:W3CDTF">2024-07-16T14:25:33Z</dcterms:modified>
</cp:coreProperties>
</file>